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243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\РЭС ПТО\Отчет на САЙТ\2022\4кв\19д\"/>
    </mc:Choice>
  </mc:AlternateContent>
  <xr:revisionPtr revIDLastSave="0" documentId="13_ncr:1_{3AE012D6-C645-4875-B37B-8E233B09497B}" xr6:coauthVersionLast="45" xr6:coauthVersionMax="45" xr10:uidLastSave="{00000000-0000-0000-0000-000000000000}"/>
  <bookViews>
    <workbookView xWindow="-28920" yWindow="-120" windowWidth="29040" windowHeight="15840" tabRatio="541" firstSheet="3" activeTab="18" xr2:uid="{00000000-000D-0000-FFFF-FFFF00000000}"/>
  </bookViews>
  <sheets>
    <sheet name="Месяц (1)" sheetId="28" r:id="rId1"/>
    <sheet name="Месяц (2)" sheetId="44" r:id="rId2"/>
    <sheet name="Месяц (3)" sheetId="45" r:id="rId3"/>
    <sheet name="Месяц (4)" sheetId="46" r:id="rId4"/>
    <sheet name=" Месяц (5)" sheetId="47" r:id="rId5"/>
    <sheet name=" Месяц (6)" sheetId="48" r:id="rId6"/>
    <sheet name=" Месяц (7)" sheetId="49" r:id="rId7"/>
    <sheet name=" Месяц (8)" sheetId="50" r:id="rId8"/>
    <sheet name=" Месяц (9)" sheetId="51" r:id="rId9"/>
    <sheet name=" Месяц (10)" sheetId="52" r:id="rId10"/>
    <sheet name=" Месяц (11)" sheetId="53" r:id="rId11"/>
    <sheet name="Месяц (5)" sheetId="36" state="hidden" r:id="rId12"/>
    <sheet name="Месяц (6)" sheetId="37" state="hidden" r:id="rId13"/>
    <sheet name="Месяц (7)" sheetId="38" state="hidden" r:id="rId14"/>
    <sheet name="Месяц (8)" sheetId="39" state="hidden" r:id="rId15"/>
    <sheet name="Месяц (9)" sheetId="40" state="hidden" r:id="rId16"/>
    <sheet name="Месяц (10)" sheetId="41" state="hidden" r:id="rId17"/>
    <sheet name="Месяц (11)" sheetId="42" state="hidden" r:id="rId18"/>
    <sheet name="Месяц (12)" sheetId="43" r:id="rId19"/>
  </sheets>
  <definedNames>
    <definedName name="_xlnm.Print_Area" localSheetId="9">' Месяц (10)'!$A$1:$J$16</definedName>
    <definedName name="_xlnm.Print_Area" localSheetId="10">' Месяц (11)'!$A$1:$J$16</definedName>
    <definedName name="_xlnm.Print_Area" localSheetId="4">' Месяц (5)'!$A$1:$J$16</definedName>
    <definedName name="_xlnm.Print_Area" localSheetId="5">' Месяц (6)'!$A$1:$J$16</definedName>
    <definedName name="_xlnm.Print_Area" localSheetId="6">' Месяц (7)'!$A$1:$J$16</definedName>
    <definedName name="_xlnm.Print_Area" localSheetId="7">' Месяц (8)'!$A$1:$J$16</definedName>
    <definedName name="_xlnm.Print_Area" localSheetId="8">' Месяц (9)'!$A$1:$J$16</definedName>
    <definedName name="_xlnm.Print_Area" localSheetId="0">'Месяц (1)'!$A$1:$J$16</definedName>
    <definedName name="_xlnm.Print_Area" localSheetId="16">'Месяц (10)'!$A$1:$J$16</definedName>
    <definedName name="_xlnm.Print_Area" localSheetId="17">'Месяц (11)'!$A$1:$J$16</definedName>
    <definedName name="_xlnm.Print_Area" localSheetId="18">'Месяц (12)'!$A$1:$J$16</definedName>
    <definedName name="_xlnm.Print_Area" localSheetId="1">'Месяц (2)'!$A$1:$J$16</definedName>
    <definedName name="_xlnm.Print_Area" localSheetId="2">'Месяц (3)'!$A$1:$J$16</definedName>
    <definedName name="_xlnm.Print_Area" localSheetId="3">'Месяц (4)'!$A$1:$J$16</definedName>
    <definedName name="_xlnm.Print_Area" localSheetId="11">'Месяц (5)'!$A$1:$J$16</definedName>
    <definedName name="_xlnm.Print_Area" localSheetId="12">'Месяц (6)'!$A$1:$J$16</definedName>
    <definedName name="_xlnm.Print_Area" localSheetId="13">'Месяц (7)'!$A$1:$J$16</definedName>
    <definedName name="_xlnm.Print_Area" localSheetId="14">'Месяц (8)'!$A$1:$J$16</definedName>
    <definedName name="_xlnm.Print_Area" localSheetId="15">'Месяц (9)'!$A$1:$J$16</definedName>
  </definedNames>
  <calcPr calcId="145621"/>
</workbook>
</file>

<file path=xl/sharedStrings.xml><?xml version="1.0" encoding="utf-8"?>
<sst xmlns="http://schemas.openxmlformats.org/spreadsheetml/2006/main" count="608" uniqueCount="21">
  <si>
    <t>Субъект РФ (край, область, республика)</t>
  </si>
  <si>
    <t>Количество поданных заявок</t>
  </si>
  <si>
    <t>Заключено договоров</t>
  </si>
  <si>
    <t>Выполнено договоров (подписаны Акты ТП)</t>
  </si>
  <si>
    <t>Аннулированные заявки (с учетом поданных за предыдущие периоды)</t>
  </si>
  <si>
    <t>шт</t>
  </si>
  <si>
    <t>№п/п</t>
  </si>
  <si>
    <t>Наименование Общества</t>
  </si>
  <si>
    <t>Информация  о поданных заявках на технологическое присоединение к электрическим сетям, заключенных договорах об осуществлении технологического присоединения к электрическим сетям, выполненных присоединений и присоединенной мощности в разрезе субъектов Российской Федерации</t>
  </si>
  <si>
    <t>Номер договора ТП</t>
  </si>
  <si>
    <t>Дата заключения договора ТП</t>
  </si>
  <si>
    <t>Запрашиваемая максимальная мощность (без учета ранее присоединенной), кВт</t>
  </si>
  <si>
    <t>Информация  о заключенных договорах об осуществлении технологического присоединения к электрическим сетям, содержащих сведения об объеме присоединяемой мощности, сроках и плате по каждому договору</t>
  </si>
  <si>
    <t>Самарская область</t>
  </si>
  <si>
    <t>ООО "РЭС"</t>
  </si>
  <si>
    <t>Стоимость ТП по договору ТП с НДС, руб.</t>
  </si>
  <si>
    <t>Срок исполнения обязательств по договору ТП</t>
  </si>
  <si>
    <t>кВт</t>
  </si>
  <si>
    <t xml:space="preserve">п. 19 "д" ПП РФ № 24 от 21.01.2004  </t>
  </si>
  <si>
    <t>нет</t>
  </si>
  <si>
    <t>Информация в отношении объектов 35кВ и выше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_(* #,##0.00_);_(* \(#,##0.00\);_(* &quot;-&quot;??_);_(@_)"/>
    <numFmt numFmtId="165" formatCode="_-* #,##0.00_р_._-;\-* #,##0.00_р_._-;_-* &quot;-&quot;??_р_._-;_-@_-"/>
  </numFmts>
  <fonts count="27" x14ac:knownFonts="1">
    <font>
      <sz val="11"/>
      <color theme="1"/>
      <name val="Calibri"/>
      <family val="2"/>
      <charset val="204"/>
      <scheme val="minor"/>
    </font>
    <font>
      <sz val="10"/>
      <name val="Arial CYR"/>
      <charset val="204"/>
    </font>
    <font>
      <sz val="11"/>
      <color theme="1"/>
      <name val="Calibri"/>
      <family val="2"/>
      <scheme val="minor"/>
    </font>
    <font>
      <sz val="8"/>
      <name val="Arial"/>
      <family val="2"/>
      <charset val="204"/>
    </font>
    <font>
      <sz val="10"/>
      <name val="Helv"/>
    </font>
    <font>
      <sz val="11"/>
      <color indexed="8"/>
      <name val="Calibri"/>
      <family val="2"/>
      <charset val="204"/>
    </font>
    <font>
      <sz val="11"/>
      <color theme="1"/>
      <name val="Arial Narrow"/>
      <family val="2"/>
      <charset val="204"/>
    </font>
    <font>
      <sz val="11"/>
      <name val="Arial Narrow"/>
      <family val="2"/>
      <charset val="204"/>
    </font>
    <font>
      <b/>
      <sz val="11"/>
      <color theme="1"/>
      <name val="Arial Narrow"/>
      <family val="2"/>
      <charset val="204"/>
    </font>
    <font>
      <b/>
      <sz val="11"/>
      <name val="Arial Narrow"/>
      <family val="2"/>
      <charset val="204"/>
    </font>
    <font>
      <sz val="11"/>
      <color indexed="8"/>
      <name val="Calibri"/>
      <family val="2"/>
    </font>
    <font>
      <sz val="11"/>
      <color indexed="9"/>
      <name val="Calibri"/>
      <family val="2"/>
      <charset val="204"/>
    </font>
    <font>
      <sz val="11"/>
      <color indexed="62"/>
      <name val="Calibri"/>
      <family val="2"/>
      <charset val="204"/>
    </font>
    <font>
      <b/>
      <sz val="11"/>
      <color indexed="63"/>
      <name val="Calibri"/>
      <family val="2"/>
      <charset val="204"/>
    </font>
    <font>
      <b/>
      <sz val="11"/>
      <color indexed="52"/>
      <name val="Calibri"/>
      <family val="2"/>
      <charset val="204"/>
    </font>
    <font>
      <b/>
      <sz val="15"/>
      <color indexed="56"/>
      <name val="Calibri"/>
      <family val="2"/>
      <charset val="204"/>
    </font>
    <font>
      <b/>
      <sz val="13"/>
      <color indexed="56"/>
      <name val="Calibri"/>
      <family val="2"/>
      <charset val="204"/>
    </font>
    <font>
      <b/>
      <sz val="11"/>
      <color indexed="56"/>
      <name val="Calibri"/>
      <family val="2"/>
      <charset val="204"/>
    </font>
    <font>
      <b/>
      <sz val="11"/>
      <color indexed="8"/>
      <name val="Calibri"/>
      <family val="2"/>
      <charset val="204"/>
    </font>
    <font>
      <b/>
      <sz val="11"/>
      <color indexed="9"/>
      <name val="Calibri"/>
      <family val="2"/>
      <charset val="204"/>
    </font>
    <font>
      <b/>
      <sz val="18"/>
      <color indexed="56"/>
      <name val="Cambria"/>
      <family val="2"/>
      <charset val="204"/>
    </font>
    <font>
      <sz val="11"/>
      <color indexed="60"/>
      <name val="Calibri"/>
      <family val="2"/>
      <charset val="204"/>
    </font>
    <font>
      <sz val="11"/>
      <color indexed="20"/>
      <name val="Calibri"/>
      <family val="2"/>
      <charset val="204"/>
    </font>
    <font>
      <i/>
      <sz val="11"/>
      <color indexed="23"/>
      <name val="Calibri"/>
      <family val="2"/>
      <charset val="204"/>
    </font>
    <font>
      <sz val="11"/>
      <color indexed="52"/>
      <name val="Calibri"/>
      <family val="2"/>
      <charset val="204"/>
    </font>
    <font>
      <sz val="11"/>
      <color indexed="10"/>
      <name val="Calibri"/>
      <family val="2"/>
      <charset val="204"/>
    </font>
    <font>
      <sz val="11"/>
      <color indexed="17"/>
      <name val="Calibri"/>
      <family val="2"/>
      <charset val="204"/>
    </font>
  </fonts>
  <fills count="17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7"/>
        <bgColor indexed="22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62"/>
        <bgColor indexed="56"/>
      </patternFill>
    </fill>
    <fill>
      <patternFill patternType="solid">
        <fgColor indexed="10"/>
        <bgColor indexed="60"/>
      </patternFill>
    </fill>
    <fill>
      <patternFill patternType="solid">
        <fgColor indexed="57"/>
        <bgColor indexed="21"/>
      </patternFill>
    </fill>
    <fill>
      <patternFill patternType="solid">
        <fgColor indexed="53"/>
        <bgColor indexed="52"/>
      </patternFill>
    </fill>
    <fill>
      <patternFill patternType="solid">
        <fgColor indexed="22"/>
        <bgColor indexed="31"/>
      </patternFill>
    </fill>
    <fill>
      <patternFill patternType="solid">
        <fgColor indexed="55"/>
        <bgColor indexed="24"/>
      </patternFill>
    </fill>
    <fill>
      <patternFill patternType="solid">
        <fgColor indexed="43"/>
        <bgColor indexed="26"/>
      </patternFill>
    </fill>
    <fill>
      <patternFill patternType="solid">
        <fgColor indexed="26"/>
        <bgColor indexed="9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rgb="FF000000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</borders>
  <cellStyleXfs count="177">
    <xf numFmtId="0" fontId="0" fillId="0" borderId="0"/>
    <xf numFmtId="0" fontId="1" fillId="0" borderId="0"/>
    <xf numFmtId="0" fontId="2" fillId="0" borderId="0"/>
    <xf numFmtId="9" fontId="1" fillId="0" borderId="0" applyFont="0" applyFill="0" applyBorder="0" applyAlignment="0" applyProtection="0"/>
    <xf numFmtId="0" fontId="1" fillId="0" borderId="0"/>
    <xf numFmtId="0" fontId="3" fillId="0" borderId="0"/>
    <xf numFmtId="0" fontId="4" fillId="0" borderId="0"/>
    <xf numFmtId="0" fontId="5" fillId="0" borderId="0"/>
    <xf numFmtId="165" fontId="5" fillId="0" borderId="0" applyFont="0" applyFill="0" applyBorder="0" applyAlignment="0" applyProtection="0"/>
    <xf numFmtId="164" fontId="1" fillId="0" borderId="0" applyFont="0" applyFill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  <xf numFmtId="0" fontId="10" fillId="0" borderId="0"/>
    <xf numFmtId="0" fontId="11" fillId="9" borderId="0" applyNumberFormat="0" applyBorder="0" applyAlignment="0" applyProtection="0"/>
    <xf numFmtId="0" fontId="11" fillId="10" borderId="0" applyNumberFormat="0" applyBorder="0" applyAlignment="0" applyProtection="0"/>
    <xf numFmtId="0" fontId="11" fillId="11" borderId="0" applyNumberFormat="0" applyBorder="0" applyAlignment="0" applyProtection="0"/>
    <xf numFmtId="0" fontId="11" fillId="7" borderId="0" applyNumberFormat="0" applyBorder="0" applyAlignment="0" applyProtection="0"/>
    <xf numFmtId="0" fontId="11" fillId="8" borderId="0" applyNumberFormat="0" applyBorder="0" applyAlignment="0" applyProtection="0"/>
    <xf numFmtId="0" fontId="11" fillId="12" borderId="0" applyNumberFormat="0" applyBorder="0" applyAlignment="0" applyProtection="0"/>
    <xf numFmtId="0" fontId="12" fillId="6" borderId="9" applyNumberFormat="0" applyAlignment="0" applyProtection="0"/>
    <xf numFmtId="0" fontId="13" fillId="13" borderId="10" applyNumberFormat="0" applyAlignment="0" applyProtection="0"/>
    <xf numFmtId="0" fontId="14" fillId="13" borderId="9" applyNumberFormat="0" applyAlignment="0" applyProtection="0"/>
    <xf numFmtId="0" fontId="15" fillId="0" borderId="11" applyNumberFormat="0" applyFill="0" applyAlignment="0" applyProtection="0"/>
    <xf numFmtId="0" fontId="16" fillId="0" borderId="12" applyNumberFormat="0" applyFill="0" applyAlignment="0" applyProtection="0"/>
    <xf numFmtId="0" fontId="17" fillId="0" borderId="13" applyNumberFormat="0" applyFill="0" applyAlignment="0" applyProtection="0"/>
    <xf numFmtId="0" fontId="17" fillId="0" borderId="0" applyNumberFormat="0" applyFill="0" applyBorder="0" applyAlignment="0" applyProtection="0"/>
    <xf numFmtId="0" fontId="18" fillId="0" borderId="14" applyNumberFormat="0" applyFill="0" applyAlignment="0" applyProtection="0"/>
    <xf numFmtId="0" fontId="19" fillId="14" borderId="15" applyNumberFormat="0" applyAlignment="0" applyProtection="0"/>
    <xf numFmtId="0" fontId="20" fillId="0" borderId="0" applyNumberFormat="0" applyFill="0" applyBorder="0" applyAlignment="0" applyProtection="0"/>
    <xf numFmtId="0" fontId="21" fillId="15" borderId="0" applyNumberFormat="0" applyBorder="0" applyAlignment="0" applyProtection="0"/>
    <xf numFmtId="0" fontId="22" fillId="4" borderId="0" applyNumberFormat="0" applyBorder="0" applyAlignment="0" applyProtection="0"/>
    <xf numFmtId="0" fontId="23" fillId="0" borderId="0" applyNumberFormat="0" applyFill="0" applyBorder="0" applyAlignment="0" applyProtection="0"/>
    <xf numFmtId="0" fontId="10" fillId="16" borderId="16" applyNumberFormat="0" applyAlignment="0" applyProtection="0"/>
    <xf numFmtId="0" fontId="24" fillId="0" borderId="17" applyNumberFormat="0" applyFill="0" applyAlignment="0" applyProtection="0"/>
    <xf numFmtId="0" fontId="25" fillId="0" borderId="0" applyNumberFormat="0" applyFill="0" applyBorder="0" applyAlignment="0" applyProtection="0"/>
    <xf numFmtId="0" fontId="26" fillId="5" borderId="0" applyNumberFormat="0" applyBorder="0" applyAlignment="0" applyProtection="0"/>
  </cellStyleXfs>
  <cellXfs count="113">
    <xf numFmtId="0" fontId="0" fillId="0" borderId="0" xfId="0"/>
    <xf numFmtId="0" fontId="8" fillId="0" borderId="0" xfId="1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7" fillId="2" borderId="2" xfId="0" applyFont="1" applyFill="1" applyBorder="1" applyAlignment="1">
      <alignment horizontal="center" vertical="center"/>
    </xf>
    <xf numFmtId="1" fontId="7" fillId="2" borderId="5" xfId="0" applyNumberFormat="1" applyFont="1" applyFill="1" applyBorder="1" applyAlignment="1">
      <alignment horizontal="center" vertical="center"/>
    </xf>
    <xf numFmtId="0" fontId="7" fillId="2" borderId="4" xfId="0" applyNumberFormat="1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1" fontId="7" fillId="0" borderId="4" xfId="0" applyNumberFormat="1" applyFont="1" applyFill="1" applyBorder="1" applyAlignment="1">
      <alignment horizontal="center" vertical="center"/>
    </xf>
    <xf numFmtId="2" fontId="7" fillId="0" borderId="4" xfId="0" applyNumberFormat="1" applyFont="1" applyFill="1" applyBorder="1" applyAlignment="1">
      <alignment horizontal="center" vertical="center"/>
    </xf>
    <xf numFmtId="2" fontId="6" fillId="0" borderId="4" xfId="0" applyNumberFormat="1" applyFont="1" applyBorder="1" applyAlignment="1">
      <alignment horizontal="center" vertical="center"/>
    </xf>
    <xf numFmtId="2" fontId="7" fillId="0" borderId="8" xfId="0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2" fontId="6" fillId="0" borderId="0" xfId="0" applyNumberFormat="1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9" fillId="3" borderId="4" xfId="0" applyFont="1" applyFill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2" fontId="7" fillId="3" borderId="7" xfId="0" applyNumberFormat="1" applyFont="1" applyFill="1" applyBorder="1" applyAlignment="1">
      <alignment horizontal="center" vertical="center"/>
    </xf>
    <xf numFmtId="0" fontId="9" fillId="0" borderId="4" xfId="0" applyFont="1" applyBorder="1" applyAlignment="1">
      <alignment horizontal="center" vertical="center" wrapText="1"/>
    </xf>
    <xf numFmtId="0" fontId="10" fillId="0" borderId="18" xfId="0" applyNumberFormat="1" applyFont="1" applyFill="1" applyBorder="1" applyAlignment="1" applyProtection="1">
      <alignment horizontal="center" vertical="center"/>
    </xf>
    <xf numFmtId="0" fontId="10" fillId="0" borderId="18" xfId="10" applyFont="1" applyFill="1" applyBorder="1" applyAlignment="1">
      <alignment horizontal="center" vertical="center"/>
    </xf>
    <xf numFmtId="14" fontId="10" fillId="0" borderId="18" xfId="34" applyNumberFormat="1" applyFont="1" applyFill="1" applyBorder="1" applyAlignment="1">
      <alignment horizontal="center" vertical="center"/>
    </xf>
    <xf numFmtId="14" fontId="5" fillId="0" borderId="19" xfId="58" applyNumberFormat="1" applyFont="1" applyFill="1" applyBorder="1" applyAlignment="1">
      <alignment horizontal="center" vertical="center"/>
    </xf>
    <xf numFmtId="0" fontId="10" fillId="0" borderId="20" xfId="82" applyFont="1" applyFill="1" applyBorder="1" applyAlignment="1">
      <alignment horizontal="center" vertical="center"/>
    </xf>
    <xf numFmtId="0" fontId="10" fillId="0" borderId="20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17" fontId="9" fillId="0" borderId="0" xfId="0" applyNumberFormat="1" applyFont="1" applyAlignment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0" fontId="6" fillId="0" borderId="22" xfId="0" applyFont="1" applyBorder="1" applyAlignment="1">
      <alignment horizontal="center" vertical="center"/>
    </xf>
    <xf numFmtId="0" fontId="10" fillId="0" borderId="21" xfId="0" applyNumberFormat="1" applyFont="1" applyFill="1" applyBorder="1" applyAlignment="1" applyProtection="1">
      <alignment horizontal="center" vertical="center"/>
    </xf>
    <xf numFmtId="0" fontId="10" fillId="0" borderId="21" xfId="10" applyFont="1" applyFill="1" applyBorder="1" applyAlignment="1">
      <alignment horizontal="center" vertical="center"/>
    </xf>
    <xf numFmtId="14" fontId="10" fillId="0" borderId="21" xfId="34" applyNumberFormat="1" applyFont="1" applyFill="1" applyBorder="1" applyAlignment="1">
      <alignment horizontal="center" vertical="center"/>
    </xf>
    <xf numFmtId="14" fontId="5" fillId="0" borderId="23" xfId="58" applyNumberFormat="1" applyFont="1" applyFill="1" applyBorder="1" applyAlignment="1">
      <alignment horizontal="center" vertical="center"/>
    </xf>
    <xf numFmtId="0" fontId="10" fillId="0" borderId="21" xfId="82" applyFont="1" applyFill="1" applyBorder="1" applyAlignment="1">
      <alignment horizontal="center" vertical="center"/>
    </xf>
    <xf numFmtId="0" fontId="10" fillId="0" borderId="21" xfId="106" applyFont="1" applyFill="1" applyBorder="1" applyAlignment="1">
      <alignment horizontal="center" vertical="center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4" xfId="0" applyFont="1" applyBorder="1" applyAlignment="1">
      <alignment horizontal="center" vertical="center" wrapText="1"/>
    </xf>
    <xf numFmtId="0" fontId="9" fillId="3" borderId="4" xfId="0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</cellXfs>
  <cellStyles count="177">
    <cellStyle name="Акцент1 2" xfId="11" xr:uid="{00000000-0005-0000-0000-000000000000}"/>
    <cellStyle name="Акцент1 3" xfId="35" xr:uid="{00000000-0005-0000-0000-000001000000}"/>
    <cellStyle name="Акцент1 4" xfId="59" xr:uid="{00000000-0005-0000-0000-000002000000}"/>
    <cellStyle name="Акцент1 5" xfId="83" xr:uid="{00000000-0005-0000-0000-000003000000}"/>
    <cellStyle name="Акцент1 6" xfId="107" xr:uid="{00000000-0005-0000-0000-000004000000}"/>
    <cellStyle name="Акцент1 7" xfId="130" xr:uid="{00000000-0005-0000-0000-000005000000}"/>
    <cellStyle name="Акцент1 8" xfId="154" xr:uid="{00000000-0005-0000-0000-000006000000}"/>
    <cellStyle name="Акцент2 2" xfId="12" xr:uid="{00000000-0005-0000-0000-000007000000}"/>
    <cellStyle name="Акцент2 3" xfId="36" xr:uid="{00000000-0005-0000-0000-000008000000}"/>
    <cellStyle name="Акцент2 4" xfId="60" xr:uid="{00000000-0005-0000-0000-000009000000}"/>
    <cellStyle name="Акцент2 5" xfId="84" xr:uid="{00000000-0005-0000-0000-00000A000000}"/>
    <cellStyle name="Акцент2 6" xfId="108" xr:uid="{00000000-0005-0000-0000-00000B000000}"/>
    <cellStyle name="Акцент2 7" xfId="131" xr:uid="{00000000-0005-0000-0000-00000C000000}"/>
    <cellStyle name="Акцент2 8" xfId="155" xr:uid="{00000000-0005-0000-0000-00000D000000}"/>
    <cellStyle name="Акцент3 2" xfId="13" xr:uid="{00000000-0005-0000-0000-00000E000000}"/>
    <cellStyle name="Акцент3 3" xfId="37" xr:uid="{00000000-0005-0000-0000-00000F000000}"/>
    <cellStyle name="Акцент3 4" xfId="61" xr:uid="{00000000-0005-0000-0000-000010000000}"/>
    <cellStyle name="Акцент3 5" xfId="85" xr:uid="{00000000-0005-0000-0000-000011000000}"/>
    <cellStyle name="Акцент3 6" xfId="109" xr:uid="{00000000-0005-0000-0000-000012000000}"/>
    <cellStyle name="Акцент3 7" xfId="132" xr:uid="{00000000-0005-0000-0000-000013000000}"/>
    <cellStyle name="Акцент3 8" xfId="156" xr:uid="{00000000-0005-0000-0000-000014000000}"/>
    <cellStyle name="Акцент4 2" xfId="14" xr:uid="{00000000-0005-0000-0000-000015000000}"/>
    <cellStyle name="Акцент4 3" xfId="38" xr:uid="{00000000-0005-0000-0000-000016000000}"/>
    <cellStyle name="Акцент4 4" xfId="62" xr:uid="{00000000-0005-0000-0000-000017000000}"/>
    <cellStyle name="Акцент4 5" xfId="86" xr:uid="{00000000-0005-0000-0000-000018000000}"/>
    <cellStyle name="Акцент4 6" xfId="110" xr:uid="{00000000-0005-0000-0000-000019000000}"/>
    <cellStyle name="Акцент4 7" xfId="133" xr:uid="{00000000-0005-0000-0000-00001A000000}"/>
    <cellStyle name="Акцент4 8" xfId="157" xr:uid="{00000000-0005-0000-0000-00001B000000}"/>
    <cellStyle name="Акцент5 2" xfId="15" xr:uid="{00000000-0005-0000-0000-00001C000000}"/>
    <cellStyle name="Акцент5 3" xfId="39" xr:uid="{00000000-0005-0000-0000-00001D000000}"/>
    <cellStyle name="Акцент5 4" xfId="63" xr:uid="{00000000-0005-0000-0000-00001E000000}"/>
    <cellStyle name="Акцент5 5" xfId="87" xr:uid="{00000000-0005-0000-0000-00001F000000}"/>
    <cellStyle name="Акцент5 6" xfId="111" xr:uid="{00000000-0005-0000-0000-000020000000}"/>
    <cellStyle name="Акцент5 7" xfId="134" xr:uid="{00000000-0005-0000-0000-000021000000}"/>
    <cellStyle name="Акцент5 8" xfId="158" xr:uid="{00000000-0005-0000-0000-000022000000}"/>
    <cellStyle name="Акцент6 2" xfId="16" xr:uid="{00000000-0005-0000-0000-000023000000}"/>
    <cellStyle name="Акцент6 3" xfId="40" xr:uid="{00000000-0005-0000-0000-000024000000}"/>
    <cellStyle name="Акцент6 4" xfId="64" xr:uid="{00000000-0005-0000-0000-000025000000}"/>
    <cellStyle name="Акцент6 5" xfId="88" xr:uid="{00000000-0005-0000-0000-000026000000}"/>
    <cellStyle name="Акцент6 6" xfId="112" xr:uid="{00000000-0005-0000-0000-000027000000}"/>
    <cellStyle name="Акцент6 7" xfId="135" xr:uid="{00000000-0005-0000-0000-000028000000}"/>
    <cellStyle name="Акцент6 8" xfId="159" xr:uid="{00000000-0005-0000-0000-000029000000}"/>
    <cellStyle name="Ввод  2" xfId="17" xr:uid="{00000000-0005-0000-0000-00002A000000}"/>
    <cellStyle name="Ввод  3" xfId="41" xr:uid="{00000000-0005-0000-0000-00002B000000}"/>
    <cellStyle name="Ввод  4" xfId="65" xr:uid="{00000000-0005-0000-0000-00002C000000}"/>
    <cellStyle name="Ввод  5" xfId="89" xr:uid="{00000000-0005-0000-0000-00002D000000}"/>
    <cellStyle name="Ввод  6" xfId="113" xr:uid="{00000000-0005-0000-0000-00002E000000}"/>
    <cellStyle name="Ввод  7" xfId="136" xr:uid="{00000000-0005-0000-0000-00002F000000}"/>
    <cellStyle name="Ввод  8" xfId="160" xr:uid="{00000000-0005-0000-0000-000030000000}"/>
    <cellStyle name="Вывод 2" xfId="18" xr:uid="{00000000-0005-0000-0000-000031000000}"/>
    <cellStyle name="Вывод 3" xfId="42" xr:uid="{00000000-0005-0000-0000-000032000000}"/>
    <cellStyle name="Вывод 4" xfId="66" xr:uid="{00000000-0005-0000-0000-000033000000}"/>
    <cellStyle name="Вывод 5" xfId="90" xr:uid="{00000000-0005-0000-0000-000034000000}"/>
    <cellStyle name="Вывод 6" xfId="114" xr:uid="{00000000-0005-0000-0000-000035000000}"/>
    <cellStyle name="Вывод 7" xfId="137" xr:uid="{00000000-0005-0000-0000-000036000000}"/>
    <cellStyle name="Вывод 8" xfId="161" xr:uid="{00000000-0005-0000-0000-000037000000}"/>
    <cellStyle name="Вычисление 2" xfId="19" xr:uid="{00000000-0005-0000-0000-000038000000}"/>
    <cellStyle name="Вычисление 3" xfId="43" xr:uid="{00000000-0005-0000-0000-000039000000}"/>
    <cellStyle name="Вычисление 4" xfId="67" xr:uid="{00000000-0005-0000-0000-00003A000000}"/>
    <cellStyle name="Вычисление 5" xfId="91" xr:uid="{00000000-0005-0000-0000-00003B000000}"/>
    <cellStyle name="Вычисление 6" xfId="115" xr:uid="{00000000-0005-0000-0000-00003C000000}"/>
    <cellStyle name="Вычисление 7" xfId="138" xr:uid="{00000000-0005-0000-0000-00003D000000}"/>
    <cellStyle name="Вычисление 8" xfId="162" xr:uid="{00000000-0005-0000-0000-00003E000000}"/>
    <cellStyle name="Заголовок 1 2" xfId="20" xr:uid="{00000000-0005-0000-0000-00003F000000}"/>
    <cellStyle name="Заголовок 1 3" xfId="44" xr:uid="{00000000-0005-0000-0000-000040000000}"/>
    <cellStyle name="Заголовок 1 4" xfId="68" xr:uid="{00000000-0005-0000-0000-000041000000}"/>
    <cellStyle name="Заголовок 1 5" xfId="92" xr:uid="{00000000-0005-0000-0000-000042000000}"/>
    <cellStyle name="Заголовок 1 6" xfId="116" xr:uid="{00000000-0005-0000-0000-000043000000}"/>
    <cellStyle name="Заголовок 1 7" xfId="139" xr:uid="{00000000-0005-0000-0000-000044000000}"/>
    <cellStyle name="Заголовок 1 8" xfId="163" xr:uid="{00000000-0005-0000-0000-000045000000}"/>
    <cellStyle name="Заголовок 2 2" xfId="21" xr:uid="{00000000-0005-0000-0000-000046000000}"/>
    <cellStyle name="Заголовок 2 3" xfId="45" xr:uid="{00000000-0005-0000-0000-000047000000}"/>
    <cellStyle name="Заголовок 2 4" xfId="69" xr:uid="{00000000-0005-0000-0000-000048000000}"/>
    <cellStyle name="Заголовок 2 5" xfId="93" xr:uid="{00000000-0005-0000-0000-000049000000}"/>
    <cellStyle name="Заголовок 2 6" xfId="117" xr:uid="{00000000-0005-0000-0000-00004A000000}"/>
    <cellStyle name="Заголовок 2 7" xfId="140" xr:uid="{00000000-0005-0000-0000-00004B000000}"/>
    <cellStyle name="Заголовок 2 8" xfId="164" xr:uid="{00000000-0005-0000-0000-00004C000000}"/>
    <cellStyle name="Заголовок 3 2" xfId="22" xr:uid="{00000000-0005-0000-0000-00004D000000}"/>
    <cellStyle name="Заголовок 3 3" xfId="46" xr:uid="{00000000-0005-0000-0000-00004E000000}"/>
    <cellStyle name="Заголовок 3 4" xfId="70" xr:uid="{00000000-0005-0000-0000-00004F000000}"/>
    <cellStyle name="Заголовок 3 5" xfId="94" xr:uid="{00000000-0005-0000-0000-000050000000}"/>
    <cellStyle name="Заголовок 3 6" xfId="118" xr:uid="{00000000-0005-0000-0000-000051000000}"/>
    <cellStyle name="Заголовок 3 7" xfId="141" xr:uid="{00000000-0005-0000-0000-000052000000}"/>
    <cellStyle name="Заголовок 3 8" xfId="165" xr:uid="{00000000-0005-0000-0000-000053000000}"/>
    <cellStyle name="Заголовок 4 2" xfId="23" xr:uid="{00000000-0005-0000-0000-000054000000}"/>
    <cellStyle name="Заголовок 4 3" xfId="47" xr:uid="{00000000-0005-0000-0000-000055000000}"/>
    <cellStyle name="Заголовок 4 4" xfId="71" xr:uid="{00000000-0005-0000-0000-000056000000}"/>
    <cellStyle name="Заголовок 4 5" xfId="95" xr:uid="{00000000-0005-0000-0000-000057000000}"/>
    <cellStyle name="Заголовок 4 6" xfId="119" xr:uid="{00000000-0005-0000-0000-000058000000}"/>
    <cellStyle name="Заголовок 4 7" xfId="142" xr:uid="{00000000-0005-0000-0000-000059000000}"/>
    <cellStyle name="Заголовок 4 8" xfId="166" xr:uid="{00000000-0005-0000-0000-00005A000000}"/>
    <cellStyle name="Итог 2" xfId="24" xr:uid="{00000000-0005-0000-0000-00005B000000}"/>
    <cellStyle name="Итог 3" xfId="48" xr:uid="{00000000-0005-0000-0000-00005C000000}"/>
    <cellStyle name="Итог 4" xfId="72" xr:uid="{00000000-0005-0000-0000-00005D000000}"/>
    <cellStyle name="Итог 5" xfId="96" xr:uid="{00000000-0005-0000-0000-00005E000000}"/>
    <cellStyle name="Итог 6" xfId="120" xr:uid="{00000000-0005-0000-0000-00005F000000}"/>
    <cellStyle name="Итог 7" xfId="143" xr:uid="{00000000-0005-0000-0000-000060000000}"/>
    <cellStyle name="Итог 8" xfId="167" xr:uid="{00000000-0005-0000-0000-000061000000}"/>
    <cellStyle name="Контрольная ячейка 2" xfId="25" xr:uid="{00000000-0005-0000-0000-000062000000}"/>
    <cellStyle name="Контрольная ячейка 3" xfId="49" xr:uid="{00000000-0005-0000-0000-000063000000}"/>
    <cellStyle name="Контрольная ячейка 4" xfId="73" xr:uid="{00000000-0005-0000-0000-000064000000}"/>
    <cellStyle name="Контрольная ячейка 5" xfId="97" xr:uid="{00000000-0005-0000-0000-000065000000}"/>
    <cellStyle name="Контрольная ячейка 6" xfId="121" xr:uid="{00000000-0005-0000-0000-000066000000}"/>
    <cellStyle name="Контрольная ячейка 7" xfId="144" xr:uid="{00000000-0005-0000-0000-000067000000}"/>
    <cellStyle name="Контрольная ячейка 8" xfId="168" xr:uid="{00000000-0005-0000-0000-000068000000}"/>
    <cellStyle name="Название 2" xfId="26" xr:uid="{00000000-0005-0000-0000-000069000000}"/>
    <cellStyle name="Название 3" xfId="50" xr:uid="{00000000-0005-0000-0000-00006A000000}"/>
    <cellStyle name="Название 4" xfId="74" xr:uid="{00000000-0005-0000-0000-00006B000000}"/>
    <cellStyle name="Название 5" xfId="98" xr:uid="{00000000-0005-0000-0000-00006C000000}"/>
    <cellStyle name="Название 6" xfId="122" xr:uid="{00000000-0005-0000-0000-00006D000000}"/>
    <cellStyle name="Название 7" xfId="145" xr:uid="{00000000-0005-0000-0000-00006E000000}"/>
    <cellStyle name="Название 8" xfId="169" xr:uid="{00000000-0005-0000-0000-00006F000000}"/>
    <cellStyle name="Нейтральный 2" xfId="27" xr:uid="{00000000-0005-0000-0000-000070000000}"/>
    <cellStyle name="Нейтральный 3" xfId="51" xr:uid="{00000000-0005-0000-0000-000071000000}"/>
    <cellStyle name="Нейтральный 4" xfId="75" xr:uid="{00000000-0005-0000-0000-000072000000}"/>
    <cellStyle name="Нейтральный 5" xfId="99" xr:uid="{00000000-0005-0000-0000-000073000000}"/>
    <cellStyle name="Нейтральный 6" xfId="123" xr:uid="{00000000-0005-0000-0000-000074000000}"/>
    <cellStyle name="Нейтральный 7" xfId="146" xr:uid="{00000000-0005-0000-0000-000075000000}"/>
    <cellStyle name="Нейтральный 8" xfId="170" xr:uid="{00000000-0005-0000-0000-000076000000}"/>
    <cellStyle name="Обычный" xfId="0" builtinId="0"/>
    <cellStyle name="Обычный 10" xfId="153" xr:uid="{00000000-0005-0000-0000-000078000000}"/>
    <cellStyle name="Обычный 10 2" xfId="4" xr:uid="{00000000-0005-0000-0000-000079000000}"/>
    <cellStyle name="Обычный 173" xfId="7" xr:uid="{00000000-0005-0000-0000-00007A000000}"/>
    <cellStyle name="Обычный 2" xfId="1" xr:uid="{00000000-0005-0000-0000-00007B000000}"/>
    <cellStyle name="Обычный 2 2" xfId="5" xr:uid="{00000000-0005-0000-0000-00007C000000}"/>
    <cellStyle name="Обычный 3" xfId="10" xr:uid="{00000000-0005-0000-0000-00007D000000}"/>
    <cellStyle name="Обычный 4" xfId="34" xr:uid="{00000000-0005-0000-0000-00007E000000}"/>
    <cellStyle name="Обычный 5" xfId="58" xr:uid="{00000000-0005-0000-0000-00007F000000}"/>
    <cellStyle name="Обычный 6" xfId="82" xr:uid="{00000000-0005-0000-0000-000080000000}"/>
    <cellStyle name="Обычный 7" xfId="106" xr:uid="{00000000-0005-0000-0000-000081000000}"/>
    <cellStyle name="Обычный 8" xfId="2" xr:uid="{00000000-0005-0000-0000-000082000000}"/>
    <cellStyle name="Плохой 2" xfId="28" xr:uid="{00000000-0005-0000-0000-000083000000}"/>
    <cellStyle name="Плохой 3" xfId="52" xr:uid="{00000000-0005-0000-0000-000084000000}"/>
    <cellStyle name="Плохой 4" xfId="76" xr:uid="{00000000-0005-0000-0000-000085000000}"/>
    <cellStyle name="Плохой 5" xfId="100" xr:uid="{00000000-0005-0000-0000-000086000000}"/>
    <cellStyle name="Плохой 6" xfId="124" xr:uid="{00000000-0005-0000-0000-000087000000}"/>
    <cellStyle name="Плохой 7" xfId="147" xr:uid="{00000000-0005-0000-0000-000088000000}"/>
    <cellStyle name="Плохой 8" xfId="171" xr:uid="{00000000-0005-0000-0000-000089000000}"/>
    <cellStyle name="Пояснение 2" xfId="29" xr:uid="{00000000-0005-0000-0000-00008A000000}"/>
    <cellStyle name="Пояснение 3" xfId="53" xr:uid="{00000000-0005-0000-0000-00008B000000}"/>
    <cellStyle name="Пояснение 4" xfId="77" xr:uid="{00000000-0005-0000-0000-00008C000000}"/>
    <cellStyle name="Пояснение 5" xfId="101" xr:uid="{00000000-0005-0000-0000-00008D000000}"/>
    <cellStyle name="Пояснение 6" xfId="125" xr:uid="{00000000-0005-0000-0000-00008E000000}"/>
    <cellStyle name="Пояснение 7" xfId="148" xr:uid="{00000000-0005-0000-0000-00008F000000}"/>
    <cellStyle name="Пояснение 8" xfId="172" xr:uid="{00000000-0005-0000-0000-000090000000}"/>
    <cellStyle name="Примечание 2" xfId="30" xr:uid="{00000000-0005-0000-0000-000091000000}"/>
    <cellStyle name="Примечание 3" xfId="54" xr:uid="{00000000-0005-0000-0000-000092000000}"/>
    <cellStyle name="Примечание 4" xfId="78" xr:uid="{00000000-0005-0000-0000-000093000000}"/>
    <cellStyle name="Примечание 5" xfId="102" xr:uid="{00000000-0005-0000-0000-000094000000}"/>
    <cellStyle name="Примечание 6" xfId="126" xr:uid="{00000000-0005-0000-0000-000095000000}"/>
    <cellStyle name="Примечание 7" xfId="149" xr:uid="{00000000-0005-0000-0000-000096000000}"/>
    <cellStyle name="Примечание 8" xfId="173" xr:uid="{00000000-0005-0000-0000-000097000000}"/>
    <cellStyle name="Процентный 3" xfId="3" xr:uid="{00000000-0005-0000-0000-000098000000}"/>
    <cellStyle name="Связанная ячейка 2" xfId="31" xr:uid="{00000000-0005-0000-0000-000099000000}"/>
    <cellStyle name="Связанная ячейка 3" xfId="55" xr:uid="{00000000-0005-0000-0000-00009A000000}"/>
    <cellStyle name="Связанная ячейка 4" xfId="79" xr:uid="{00000000-0005-0000-0000-00009B000000}"/>
    <cellStyle name="Связанная ячейка 5" xfId="103" xr:uid="{00000000-0005-0000-0000-00009C000000}"/>
    <cellStyle name="Связанная ячейка 6" xfId="127" xr:uid="{00000000-0005-0000-0000-00009D000000}"/>
    <cellStyle name="Связанная ячейка 7" xfId="150" xr:uid="{00000000-0005-0000-0000-00009E000000}"/>
    <cellStyle name="Связанная ячейка 8" xfId="174" xr:uid="{00000000-0005-0000-0000-00009F000000}"/>
    <cellStyle name="Стиль 1" xfId="6" xr:uid="{00000000-0005-0000-0000-0000A0000000}"/>
    <cellStyle name="Текст предупреждения 2" xfId="32" xr:uid="{00000000-0005-0000-0000-0000A1000000}"/>
    <cellStyle name="Текст предупреждения 3" xfId="56" xr:uid="{00000000-0005-0000-0000-0000A2000000}"/>
    <cellStyle name="Текст предупреждения 4" xfId="80" xr:uid="{00000000-0005-0000-0000-0000A3000000}"/>
    <cellStyle name="Текст предупреждения 5" xfId="104" xr:uid="{00000000-0005-0000-0000-0000A4000000}"/>
    <cellStyle name="Текст предупреждения 6" xfId="128" xr:uid="{00000000-0005-0000-0000-0000A5000000}"/>
    <cellStyle name="Текст предупреждения 7" xfId="151" xr:uid="{00000000-0005-0000-0000-0000A6000000}"/>
    <cellStyle name="Текст предупреждения 8" xfId="175" xr:uid="{00000000-0005-0000-0000-0000A7000000}"/>
    <cellStyle name="Финансовый 3" xfId="8" xr:uid="{00000000-0005-0000-0000-0000A8000000}"/>
    <cellStyle name="Финансовый 5 2 2" xfId="9" xr:uid="{00000000-0005-0000-0000-0000A9000000}"/>
    <cellStyle name="Хороший 2" xfId="33" xr:uid="{00000000-0005-0000-0000-0000AA000000}"/>
    <cellStyle name="Хороший 3" xfId="57" xr:uid="{00000000-0005-0000-0000-0000AB000000}"/>
    <cellStyle name="Хороший 4" xfId="81" xr:uid="{00000000-0005-0000-0000-0000AC000000}"/>
    <cellStyle name="Хороший 5" xfId="105" xr:uid="{00000000-0005-0000-0000-0000AD000000}"/>
    <cellStyle name="Хороший 6" xfId="129" xr:uid="{00000000-0005-0000-0000-0000AE000000}"/>
    <cellStyle name="Хороший 7" xfId="152" xr:uid="{00000000-0005-0000-0000-0000AF000000}"/>
    <cellStyle name="Хороший 8" xfId="176" xr:uid="{00000000-0005-0000-0000-0000B0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styles" Target="style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M15"/>
  <sheetViews>
    <sheetView view="pageBreakPreview" zoomScale="80" zoomScaleNormal="80" zoomScaleSheetLayoutView="80" workbookViewId="0">
      <selection activeCell="A3" sqref="A3:I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562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19" t="s">
        <v>5</v>
      </c>
      <c r="D8" s="22" t="s">
        <v>17</v>
      </c>
      <c r="E8" s="20" t="s">
        <v>5</v>
      </c>
      <c r="F8" s="22" t="s">
        <v>17</v>
      </c>
      <c r="G8" s="20" t="s">
        <v>5</v>
      </c>
      <c r="H8" s="22" t="s">
        <v>17</v>
      </c>
      <c r="I8" s="16" t="s">
        <v>5</v>
      </c>
      <c r="J8" s="2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17" t="s">
        <v>7</v>
      </c>
      <c r="B13" s="18" t="s">
        <v>0</v>
      </c>
      <c r="C13" s="19" t="s">
        <v>6</v>
      </c>
      <c r="D13" s="20" t="s">
        <v>9</v>
      </c>
      <c r="E13" s="20" t="s">
        <v>10</v>
      </c>
      <c r="F13" s="22" t="s">
        <v>16</v>
      </c>
      <c r="G13" s="20" t="s">
        <v>11</v>
      </c>
      <c r="H13" s="2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7:A8"/>
    <mergeCell ref="B7:B8"/>
    <mergeCell ref="C7:D7"/>
    <mergeCell ref="E7:F7"/>
    <mergeCell ref="G7:H7"/>
    <mergeCell ref="I7:J7"/>
    <mergeCell ref="A5:I5"/>
  </mergeCells>
  <pageMargins left="0.7" right="0.7" top="0.75" bottom="0.75" header="0.3" footer="0.3"/>
  <pageSetup paperSize="9" scale="48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92"/>
      <c r="B4" s="92"/>
      <c r="C4" s="92"/>
      <c r="D4" s="92"/>
      <c r="E4" s="92"/>
      <c r="F4" s="92"/>
      <c r="G4" s="92"/>
      <c r="H4" s="92"/>
      <c r="I4" s="92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835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95" t="s">
        <v>5</v>
      </c>
      <c r="D8" s="96" t="s">
        <v>17</v>
      </c>
      <c r="E8" s="96" t="s">
        <v>5</v>
      </c>
      <c r="F8" s="96" t="s">
        <v>17</v>
      </c>
      <c r="G8" s="96" t="s">
        <v>5</v>
      </c>
      <c r="H8" s="96" t="s">
        <v>17</v>
      </c>
      <c r="I8" s="97" t="s">
        <v>5</v>
      </c>
      <c r="J8" s="9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93" t="s">
        <v>7</v>
      </c>
      <c r="B13" s="94" t="s">
        <v>0</v>
      </c>
      <c r="C13" s="95" t="s">
        <v>6</v>
      </c>
      <c r="D13" s="96" t="s">
        <v>9</v>
      </c>
      <c r="E13" s="96" t="s">
        <v>10</v>
      </c>
      <c r="F13" s="96" t="s">
        <v>16</v>
      </c>
      <c r="G13" s="96" t="s">
        <v>11</v>
      </c>
      <c r="H13" s="9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BAF2736-E23A-40BC-A04B-6A3F1B315391}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98"/>
      <c r="B4" s="98"/>
      <c r="C4" s="98"/>
      <c r="D4" s="98"/>
      <c r="E4" s="98"/>
      <c r="F4" s="98"/>
      <c r="G4" s="98"/>
      <c r="H4" s="98"/>
      <c r="I4" s="98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866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101" t="s">
        <v>5</v>
      </c>
      <c r="D8" s="102" t="s">
        <v>17</v>
      </c>
      <c r="E8" s="102" t="s">
        <v>5</v>
      </c>
      <c r="F8" s="102" t="s">
        <v>17</v>
      </c>
      <c r="G8" s="102" t="s">
        <v>5</v>
      </c>
      <c r="H8" s="102" t="s">
        <v>17</v>
      </c>
      <c r="I8" s="103" t="s">
        <v>5</v>
      </c>
      <c r="J8" s="10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99" t="s">
        <v>7</v>
      </c>
      <c r="B13" s="100" t="s">
        <v>0</v>
      </c>
      <c r="C13" s="101" t="s">
        <v>6</v>
      </c>
      <c r="D13" s="102" t="s">
        <v>9</v>
      </c>
      <c r="E13" s="102" t="s">
        <v>10</v>
      </c>
      <c r="F13" s="102" t="s">
        <v>16</v>
      </c>
      <c r="G13" s="102" t="s">
        <v>11</v>
      </c>
      <c r="H13" s="10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221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252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282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313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374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A1:M15"/>
  <sheetViews>
    <sheetView view="pageBreakPreview" zoomScale="80" zoomScaleNormal="80" zoomScaleSheetLayoutView="80" workbookViewId="0">
      <selection activeCell="D33" sqref="D33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374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A1:M15"/>
  <sheetViews>
    <sheetView view="pageBreakPreview" zoomScale="80" zoomScaleNormal="80" zoomScaleSheetLayoutView="80" workbookViewId="0">
      <selection activeCell="H2" sqref="H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3405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A1:M15"/>
  <sheetViews>
    <sheetView tabSelected="1" view="pageBreakPreview" zoomScale="80" zoomScaleNormal="80" zoomScaleSheetLayoutView="80" workbookViewId="0">
      <selection activeCell="C22" sqref="C22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29"/>
      <c r="B4" s="29"/>
      <c r="C4" s="29"/>
      <c r="D4" s="29"/>
      <c r="E4" s="29"/>
      <c r="F4" s="29"/>
      <c r="G4" s="29"/>
      <c r="H4" s="29"/>
      <c r="I4" s="29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896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32" t="s">
        <v>5</v>
      </c>
      <c r="D8" s="33" t="s">
        <v>17</v>
      </c>
      <c r="E8" s="33" t="s">
        <v>5</v>
      </c>
      <c r="F8" s="33" t="s">
        <v>17</v>
      </c>
      <c r="G8" s="33" t="s">
        <v>5</v>
      </c>
      <c r="H8" s="33" t="s">
        <v>17</v>
      </c>
      <c r="I8" s="34" t="s">
        <v>5</v>
      </c>
      <c r="J8" s="33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30" t="s">
        <v>7</v>
      </c>
      <c r="B13" s="31" t="s">
        <v>0</v>
      </c>
      <c r="C13" s="32" t="s">
        <v>6</v>
      </c>
      <c r="D13" s="33" t="s">
        <v>9</v>
      </c>
      <c r="E13" s="33" t="s">
        <v>10</v>
      </c>
      <c r="F13" s="33" t="s">
        <v>16</v>
      </c>
      <c r="G13" s="33" t="s">
        <v>11</v>
      </c>
      <c r="H13" s="33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8" t="s">
        <v>14</v>
      </c>
      <c r="B15" s="15" t="s">
        <v>13</v>
      </c>
      <c r="C15" s="23">
        <v>0</v>
      </c>
      <c r="D15" s="24">
        <v>0</v>
      </c>
      <c r="E15" s="25" t="s">
        <v>19</v>
      </c>
      <c r="F15" s="26" t="s">
        <v>19</v>
      </c>
      <c r="G15" s="27">
        <v>0</v>
      </c>
      <c r="H15" s="28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44"/>
      <c r="B4" s="44"/>
      <c r="C4" s="44"/>
      <c r="D4" s="44"/>
      <c r="E4" s="44"/>
      <c r="F4" s="44"/>
      <c r="G4" s="44"/>
      <c r="H4" s="44"/>
      <c r="I4" s="44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593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47" t="s">
        <v>5</v>
      </c>
      <c r="D8" s="48" t="s">
        <v>17</v>
      </c>
      <c r="E8" s="48" t="s">
        <v>5</v>
      </c>
      <c r="F8" s="48" t="s">
        <v>17</v>
      </c>
      <c r="G8" s="48" t="s">
        <v>5</v>
      </c>
      <c r="H8" s="48" t="s">
        <v>17</v>
      </c>
      <c r="I8" s="49" t="s">
        <v>5</v>
      </c>
      <c r="J8" s="4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45" t="s">
        <v>7</v>
      </c>
      <c r="B13" s="46" t="s">
        <v>0</v>
      </c>
      <c r="C13" s="47" t="s">
        <v>6</v>
      </c>
      <c r="D13" s="48" t="s">
        <v>9</v>
      </c>
      <c r="E13" s="48" t="s">
        <v>10</v>
      </c>
      <c r="F13" s="48" t="s">
        <v>16</v>
      </c>
      <c r="G13" s="48" t="s">
        <v>11</v>
      </c>
      <c r="H13" s="4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M15"/>
  <sheetViews>
    <sheetView view="pageBreakPreview" zoomScale="80" zoomScaleNormal="80" zoomScaleSheetLayoutView="80" workbookViewId="0">
      <selection activeCell="A6" sqref="A6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50"/>
      <c r="B4" s="50"/>
      <c r="C4" s="50"/>
      <c r="D4" s="50"/>
      <c r="E4" s="50"/>
      <c r="F4" s="50"/>
      <c r="G4" s="50"/>
      <c r="H4" s="50"/>
      <c r="I4" s="50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621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53" t="s">
        <v>5</v>
      </c>
      <c r="D8" s="54" t="s">
        <v>17</v>
      </c>
      <c r="E8" s="54" t="s">
        <v>5</v>
      </c>
      <c r="F8" s="54" t="s">
        <v>17</v>
      </c>
      <c r="G8" s="54" t="s">
        <v>5</v>
      </c>
      <c r="H8" s="54" t="s">
        <v>17</v>
      </c>
      <c r="I8" s="55" t="s">
        <v>5</v>
      </c>
      <c r="J8" s="5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51" t="s">
        <v>7</v>
      </c>
      <c r="B13" s="52" t="s">
        <v>0</v>
      </c>
      <c r="C13" s="53" t="s">
        <v>6</v>
      </c>
      <c r="D13" s="54" t="s">
        <v>9</v>
      </c>
      <c r="E13" s="54" t="s">
        <v>10</v>
      </c>
      <c r="F13" s="54" t="s">
        <v>16</v>
      </c>
      <c r="G13" s="54" t="s">
        <v>11</v>
      </c>
      <c r="H13" s="5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56"/>
      <c r="B4" s="56"/>
      <c r="C4" s="56"/>
      <c r="D4" s="56"/>
      <c r="E4" s="56"/>
      <c r="F4" s="56"/>
      <c r="G4" s="56"/>
      <c r="H4" s="56"/>
      <c r="I4" s="56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652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59" t="s">
        <v>5</v>
      </c>
      <c r="D8" s="60" t="s">
        <v>17</v>
      </c>
      <c r="E8" s="60" t="s">
        <v>5</v>
      </c>
      <c r="F8" s="60" t="s">
        <v>17</v>
      </c>
      <c r="G8" s="60" t="s">
        <v>5</v>
      </c>
      <c r="H8" s="60" t="s">
        <v>17</v>
      </c>
      <c r="I8" s="61" t="s">
        <v>5</v>
      </c>
      <c r="J8" s="6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57" t="s">
        <v>7</v>
      </c>
      <c r="B13" s="58" t="s">
        <v>0</v>
      </c>
      <c r="C13" s="59" t="s">
        <v>6</v>
      </c>
      <c r="D13" s="60" t="s">
        <v>9</v>
      </c>
      <c r="E13" s="60" t="s">
        <v>10</v>
      </c>
      <c r="F13" s="60" t="s">
        <v>16</v>
      </c>
      <c r="G13" s="60" t="s">
        <v>11</v>
      </c>
      <c r="H13" s="6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62"/>
      <c r="B4" s="62"/>
      <c r="C4" s="62"/>
      <c r="D4" s="62"/>
      <c r="E4" s="62"/>
      <c r="F4" s="62"/>
      <c r="G4" s="62"/>
      <c r="H4" s="62"/>
      <c r="I4" s="62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682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65" t="s">
        <v>5</v>
      </c>
      <c r="D8" s="66" t="s">
        <v>17</v>
      </c>
      <c r="E8" s="66" t="s">
        <v>5</v>
      </c>
      <c r="F8" s="66" t="s">
        <v>17</v>
      </c>
      <c r="G8" s="66" t="s">
        <v>5</v>
      </c>
      <c r="H8" s="66" t="s">
        <v>17</v>
      </c>
      <c r="I8" s="67" t="s">
        <v>5</v>
      </c>
      <c r="J8" s="66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63" t="s">
        <v>7</v>
      </c>
      <c r="B13" s="64" t="s">
        <v>0</v>
      </c>
      <c r="C13" s="65" t="s">
        <v>6</v>
      </c>
      <c r="D13" s="66" t="s">
        <v>9</v>
      </c>
      <c r="E13" s="66" t="s">
        <v>10</v>
      </c>
      <c r="F13" s="66" t="s">
        <v>16</v>
      </c>
      <c r="G13" s="66" t="s">
        <v>11</v>
      </c>
      <c r="H13" s="66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A1:M15"/>
  <sheetViews>
    <sheetView view="pageBreakPreview" topLeftCell="A7" zoomScale="80" zoomScaleNormal="80" zoomScaleSheetLayoutView="80" workbookViewId="0">
      <selection activeCell="B37" sqref="B36:B37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68"/>
      <c r="B4" s="68"/>
      <c r="C4" s="68"/>
      <c r="D4" s="68"/>
      <c r="E4" s="68"/>
      <c r="F4" s="68"/>
      <c r="G4" s="68"/>
      <c r="H4" s="68"/>
      <c r="I4" s="68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713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71" t="s">
        <v>5</v>
      </c>
      <c r="D8" s="72" t="s">
        <v>17</v>
      </c>
      <c r="E8" s="72" t="s">
        <v>5</v>
      </c>
      <c r="F8" s="72" t="s">
        <v>17</v>
      </c>
      <c r="G8" s="72" t="s">
        <v>5</v>
      </c>
      <c r="H8" s="72" t="s">
        <v>17</v>
      </c>
      <c r="I8" s="73" t="s">
        <v>5</v>
      </c>
      <c r="J8" s="72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69" t="s">
        <v>7</v>
      </c>
      <c r="B13" s="70" t="s">
        <v>0</v>
      </c>
      <c r="C13" s="71" t="s">
        <v>6</v>
      </c>
      <c r="D13" s="72" t="s">
        <v>9</v>
      </c>
      <c r="E13" s="72" t="s">
        <v>10</v>
      </c>
      <c r="F13" s="72" t="s">
        <v>16</v>
      </c>
      <c r="G13" s="72" t="s">
        <v>11</v>
      </c>
      <c r="H13" s="72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A1:M15"/>
  <sheetViews>
    <sheetView view="pageBreakPreview" zoomScale="80" zoomScaleNormal="80" zoomScaleSheetLayoutView="80" workbookViewId="0">
      <selection activeCell="M10" sqref="M10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74"/>
      <c r="B4" s="74"/>
      <c r="C4" s="74"/>
      <c r="D4" s="74"/>
      <c r="E4" s="74"/>
      <c r="F4" s="74"/>
      <c r="G4" s="74"/>
      <c r="H4" s="74"/>
      <c r="I4" s="74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743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77" t="s">
        <v>5</v>
      </c>
      <c r="D8" s="78" t="s">
        <v>17</v>
      </c>
      <c r="E8" s="78" t="s">
        <v>5</v>
      </c>
      <c r="F8" s="78" t="s">
        <v>17</v>
      </c>
      <c r="G8" s="78" t="s">
        <v>5</v>
      </c>
      <c r="H8" s="78" t="s">
        <v>17</v>
      </c>
      <c r="I8" s="79" t="s">
        <v>5</v>
      </c>
      <c r="J8" s="78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75" t="s">
        <v>7</v>
      </c>
      <c r="B13" s="76" t="s">
        <v>0</v>
      </c>
      <c r="C13" s="77" t="s">
        <v>6</v>
      </c>
      <c r="D13" s="78" t="s">
        <v>9</v>
      </c>
      <c r="E13" s="78" t="s">
        <v>10</v>
      </c>
      <c r="F13" s="78" t="s">
        <v>16</v>
      </c>
      <c r="G13" s="78" t="s">
        <v>11</v>
      </c>
      <c r="H13" s="78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A1:M15"/>
  <sheetViews>
    <sheetView view="pageBreakPreview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80"/>
      <c r="B4" s="80"/>
      <c r="C4" s="80"/>
      <c r="D4" s="80"/>
      <c r="E4" s="80"/>
      <c r="F4" s="80"/>
      <c r="G4" s="80"/>
      <c r="H4" s="80"/>
      <c r="I4" s="80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774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83" t="s">
        <v>5</v>
      </c>
      <c r="D8" s="84" t="s">
        <v>17</v>
      </c>
      <c r="E8" s="84" t="s">
        <v>5</v>
      </c>
      <c r="F8" s="84" t="s">
        <v>17</v>
      </c>
      <c r="G8" s="84" t="s">
        <v>5</v>
      </c>
      <c r="H8" s="84" t="s">
        <v>17</v>
      </c>
      <c r="I8" s="85" t="s">
        <v>5</v>
      </c>
      <c r="J8" s="84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81" t="s">
        <v>7</v>
      </c>
      <c r="B13" s="82" t="s">
        <v>0</v>
      </c>
      <c r="C13" s="83" t="s">
        <v>6</v>
      </c>
      <c r="D13" s="84" t="s">
        <v>9</v>
      </c>
      <c r="E13" s="84" t="s">
        <v>10</v>
      </c>
      <c r="F13" s="84" t="s">
        <v>16</v>
      </c>
      <c r="G13" s="84" t="s">
        <v>11</v>
      </c>
      <c r="H13" s="84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A1:M15"/>
  <sheetViews>
    <sheetView view="pageBreakPreview" topLeftCell="A4" zoomScale="80" zoomScaleNormal="80" zoomScaleSheetLayoutView="80" workbookViewId="0">
      <selection activeCell="A7" sqref="A7:A8"/>
    </sheetView>
  </sheetViews>
  <sheetFormatPr defaultRowHeight="16.5" x14ac:dyDescent="0.25"/>
  <cols>
    <col min="1" max="1" width="22.7109375" style="2" customWidth="1"/>
    <col min="2" max="2" width="18.28515625" style="2" customWidth="1"/>
    <col min="3" max="3" width="12" style="2" customWidth="1"/>
    <col min="4" max="4" width="13.7109375" style="2" customWidth="1"/>
    <col min="5" max="5" width="12.7109375" style="2" customWidth="1"/>
    <col min="6" max="6" width="14.42578125" style="2" customWidth="1"/>
    <col min="7" max="7" width="17" style="2" customWidth="1"/>
    <col min="8" max="8" width="19" style="2" customWidth="1"/>
    <col min="9" max="9" width="24.7109375" style="2" customWidth="1"/>
    <col min="10" max="11" width="9.140625" style="2"/>
    <col min="12" max="12" width="10.5703125" style="2" bestFit="1" customWidth="1"/>
    <col min="13" max="13" width="11.5703125" style="2" bestFit="1" customWidth="1"/>
    <col min="14" max="16384" width="9.140625" style="2"/>
  </cols>
  <sheetData>
    <row r="1" spans="1:13" x14ac:dyDescent="0.25">
      <c r="A1" s="1"/>
      <c r="H1" s="2" t="s">
        <v>18</v>
      </c>
      <c r="J1" s="3"/>
      <c r="K1" s="3"/>
      <c r="L1" s="3"/>
    </row>
    <row r="3" spans="1:13" ht="44.25" customHeight="1" x14ac:dyDescent="0.25">
      <c r="A3" s="104" t="s">
        <v>8</v>
      </c>
      <c r="B3" s="104"/>
      <c r="C3" s="104"/>
      <c r="D3" s="104"/>
      <c r="E3" s="104"/>
      <c r="F3" s="104"/>
      <c r="G3" s="104"/>
      <c r="H3" s="104"/>
      <c r="I3" s="104"/>
    </row>
    <row r="4" spans="1:13" x14ac:dyDescent="0.25">
      <c r="A4" s="86"/>
      <c r="B4" s="86"/>
      <c r="C4" s="86"/>
      <c r="D4" s="86"/>
      <c r="E4" s="86"/>
      <c r="F4" s="86"/>
      <c r="G4" s="86"/>
      <c r="H4" s="86"/>
      <c r="I4" s="86"/>
    </row>
    <row r="5" spans="1:13" ht="16.5" customHeight="1" x14ac:dyDescent="0.25">
      <c r="A5" s="112" t="s">
        <v>20</v>
      </c>
      <c r="B5" s="112"/>
      <c r="C5" s="112"/>
      <c r="D5" s="112"/>
      <c r="E5" s="112"/>
      <c r="F5" s="112"/>
      <c r="G5" s="112"/>
      <c r="H5" s="112"/>
      <c r="I5" s="112"/>
    </row>
    <row r="6" spans="1:13" x14ac:dyDescent="0.25">
      <c r="A6" s="35">
        <v>44805</v>
      </c>
      <c r="B6" s="4"/>
    </row>
    <row r="7" spans="1:13" ht="46.5" customHeight="1" x14ac:dyDescent="0.25">
      <c r="A7" s="105" t="s">
        <v>7</v>
      </c>
      <c r="B7" s="107" t="s">
        <v>0</v>
      </c>
      <c r="C7" s="109" t="s">
        <v>1</v>
      </c>
      <c r="D7" s="110"/>
      <c r="E7" s="110" t="s">
        <v>2</v>
      </c>
      <c r="F7" s="110"/>
      <c r="G7" s="110" t="s">
        <v>3</v>
      </c>
      <c r="H7" s="110"/>
      <c r="I7" s="111" t="s">
        <v>4</v>
      </c>
      <c r="J7" s="111"/>
    </row>
    <row r="8" spans="1:13" ht="15" customHeight="1" x14ac:dyDescent="0.25">
      <c r="A8" s="106"/>
      <c r="B8" s="108"/>
      <c r="C8" s="89" t="s">
        <v>5</v>
      </c>
      <c r="D8" s="90" t="s">
        <v>17</v>
      </c>
      <c r="E8" s="90" t="s">
        <v>5</v>
      </c>
      <c r="F8" s="90" t="s">
        <v>17</v>
      </c>
      <c r="G8" s="90" t="s">
        <v>5</v>
      </c>
      <c r="H8" s="90" t="s">
        <v>17</v>
      </c>
      <c r="I8" s="91" t="s">
        <v>5</v>
      </c>
      <c r="J8" s="90" t="s">
        <v>17</v>
      </c>
    </row>
    <row r="9" spans="1:13" x14ac:dyDescent="0.25">
      <c r="A9" s="5">
        <v>1</v>
      </c>
      <c r="B9" s="5">
        <v>3</v>
      </c>
      <c r="C9" s="6">
        <v>4</v>
      </c>
      <c r="D9" s="7">
        <v>5</v>
      </c>
      <c r="E9" s="7">
        <v>6</v>
      </c>
      <c r="F9" s="7">
        <v>7</v>
      </c>
      <c r="G9" s="7">
        <v>8</v>
      </c>
      <c r="H9" s="7">
        <v>9</v>
      </c>
      <c r="I9" s="7">
        <v>10</v>
      </c>
      <c r="J9" s="7">
        <v>11</v>
      </c>
    </row>
    <row r="10" spans="1:13" ht="33" customHeight="1" x14ac:dyDescent="0.25">
      <c r="A10" s="8" t="s">
        <v>14</v>
      </c>
      <c r="B10" s="8" t="s">
        <v>13</v>
      </c>
      <c r="C10" s="21">
        <v>0</v>
      </c>
      <c r="D10" s="21">
        <v>0</v>
      </c>
      <c r="E10" s="9">
        <v>0</v>
      </c>
      <c r="F10" s="10">
        <v>0</v>
      </c>
      <c r="G10" s="9">
        <v>0</v>
      </c>
      <c r="H10" s="11">
        <v>0</v>
      </c>
      <c r="I10" s="12">
        <v>0</v>
      </c>
      <c r="J10" s="12">
        <v>0</v>
      </c>
      <c r="M10" s="13"/>
    </row>
    <row r="11" spans="1:13" ht="35.25" customHeight="1" x14ac:dyDescent="0.25">
      <c r="A11" s="104" t="s">
        <v>12</v>
      </c>
      <c r="B11" s="104"/>
      <c r="C11" s="104"/>
      <c r="D11" s="104"/>
      <c r="E11" s="104"/>
      <c r="F11" s="104"/>
      <c r="G11" s="104"/>
      <c r="H11" s="104"/>
      <c r="I11" s="104"/>
      <c r="M11" s="14"/>
    </row>
    <row r="13" spans="1:13" ht="99" x14ac:dyDescent="0.25">
      <c r="A13" s="87" t="s">
        <v>7</v>
      </c>
      <c r="B13" s="88" t="s">
        <v>0</v>
      </c>
      <c r="C13" s="89" t="s">
        <v>6</v>
      </c>
      <c r="D13" s="90" t="s">
        <v>9</v>
      </c>
      <c r="E13" s="90" t="s">
        <v>10</v>
      </c>
      <c r="F13" s="90" t="s">
        <v>16</v>
      </c>
      <c r="G13" s="90" t="s">
        <v>11</v>
      </c>
      <c r="H13" s="90" t="s">
        <v>15</v>
      </c>
    </row>
    <row r="14" spans="1:13" x14ac:dyDescent="0.25">
      <c r="A14" s="5">
        <v>1</v>
      </c>
      <c r="B14" s="5">
        <v>3</v>
      </c>
      <c r="C14" s="6">
        <v>4</v>
      </c>
      <c r="D14" s="7">
        <v>5</v>
      </c>
      <c r="E14" s="7">
        <v>6</v>
      </c>
      <c r="F14" s="7">
        <v>7</v>
      </c>
      <c r="G14" s="7">
        <v>8</v>
      </c>
      <c r="H14" s="7">
        <v>9</v>
      </c>
    </row>
    <row r="15" spans="1:13" x14ac:dyDescent="0.25">
      <c r="A15" s="36" t="s">
        <v>14</v>
      </c>
      <c r="B15" s="37" t="s">
        <v>13</v>
      </c>
      <c r="C15" s="38">
        <v>0</v>
      </c>
      <c r="D15" s="39">
        <v>0</v>
      </c>
      <c r="E15" s="40" t="s">
        <v>19</v>
      </c>
      <c r="F15" s="41" t="s">
        <v>19</v>
      </c>
      <c r="G15" s="42">
        <v>0</v>
      </c>
      <c r="H15" s="43">
        <v>0</v>
      </c>
    </row>
  </sheetData>
  <mergeCells count="9">
    <mergeCell ref="A11:I11"/>
    <mergeCell ref="A3:I3"/>
    <mergeCell ref="A5:I5"/>
    <mergeCell ref="A7:A8"/>
    <mergeCell ref="B7:B8"/>
    <mergeCell ref="C7:D7"/>
    <mergeCell ref="E7:F7"/>
    <mergeCell ref="G7:H7"/>
    <mergeCell ref="I7:J7"/>
  </mergeCells>
  <pageMargins left="0.7" right="0.7" top="0.75" bottom="0.75" header="0.3" footer="0.3"/>
  <pageSetup paperSize="9" scale="4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9</vt:i4>
      </vt:variant>
      <vt:variant>
        <vt:lpstr>Именованные диапазоны</vt:lpstr>
      </vt:variant>
      <vt:variant>
        <vt:i4>19</vt:i4>
      </vt:variant>
    </vt:vector>
  </HeadingPairs>
  <TitlesOfParts>
    <vt:vector size="38" baseType="lpstr">
      <vt:lpstr>Месяц (1)</vt:lpstr>
      <vt:lpstr>Месяц (2)</vt:lpstr>
      <vt:lpstr>Месяц (3)</vt:lpstr>
      <vt:lpstr>Месяц (4)</vt:lpstr>
      <vt:lpstr> Месяц (5)</vt:lpstr>
      <vt:lpstr> Месяц (6)</vt:lpstr>
      <vt:lpstr> Месяц (7)</vt:lpstr>
      <vt:lpstr> Месяц (8)</vt:lpstr>
      <vt:lpstr> Месяц (9)</vt:lpstr>
      <vt:lpstr> Месяц (10)</vt:lpstr>
      <vt:lpstr> Месяц (11)</vt:lpstr>
      <vt:lpstr>Месяц (5)</vt:lpstr>
      <vt:lpstr>Месяц (6)</vt:lpstr>
      <vt:lpstr>Месяц (7)</vt:lpstr>
      <vt:lpstr>Месяц (8)</vt:lpstr>
      <vt:lpstr>Месяц (9)</vt:lpstr>
      <vt:lpstr>Месяц (10)</vt:lpstr>
      <vt:lpstr>Месяц (11)</vt:lpstr>
      <vt:lpstr>Месяц (12)</vt:lpstr>
      <vt:lpstr>' Месяц (10)'!Область_печати</vt:lpstr>
      <vt:lpstr>' Месяц (11)'!Область_печати</vt:lpstr>
      <vt:lpstr>' Месяц (5)'!Область_печати</vt:lpstr>
      <vt:lpstr>' Месяц (6)'!Область_печати</vt:lpstr>
      <vt:lpstr>' Месяц (7)'!Область_печати</vt:lpstr>
      <vt:lpstr>' Месяц (8)'!Область_печати</vt:lpstr>
      <vt:lpstr>' Месяц (9)'!Область_печати</vt:lpstr>
      <vt:lpstr>'Месяц (1)'!Область_печати</vt:lpstr>
      <vt:lpstr>'Месяц (10)'!Область_печати</vt:lpstr>
      <vt:lpstr>'Месяц (11)'!Область_печати</vt:lpstr>
      <vt:lpstr>'Месяц (12)'!Область_печати</vt:lpstr>
      <vt:lpstr>'Месяц (2)'!Область_печати</vt:lpstr>
      <vt:lpstr>'Месяц (3)'!Область_печати</vt:lpstr>
      <vt:lpstr>'Месяц (4)'!Область_печати</vt:lpstr>
      <vt:lpstr>'Месяц (5)'!Область_печати</vt:lpstr>
      <vt:lpstr>'Месяц (6)'!Область_печати</vt:lpstr>
      <vt:lpstr>'Месяц (7)'!Область_печати</vt:lpstr>
      <vt:lpstr>'Месяц (8)'!Область_печати</vt:lpstr>
      <vt:lpstr>'Месяц (9)'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rkov SP</dc:creator>
  <cp:lastModifiedBy>user</cp:lastModifiedBy>
  <dcterms:created xsi:type="dcterms:W3CDTF">2015-04-01T08:30:50Z</dcterms:created>
  <dcterms:modified xsi:type="dcterms:W3CDTF">2023-01-09T13:10:13Z</dcterms:modified>
</cp:coreProperties>
</file>